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7" rupBuild="14420"/>
  <workbookPr filterPrivacy="1"/>
  <bookViews>
    <workbookView xWindow="1956" yWindow="1956" windowWidth="21084" windowHeight="6660" activeTab="1"/>
  </bookViews>
  <sheets>
    <sheet name="Sheet1" sheetId="1" r:id="rId1"/>
    <sheet name="Blad1" sheetId="2" r:id="rId2"/>
  </sheets>
  <calcPr calcId="162913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08" uniqueCount="158">
  <si>
    <t>8. Loopbaancentrum Erasmus MC</t>
  </si>
  <si>
    <t>9. Stage registratie Dashboard interne en externe opleidingen</t>
  </si>
  <si>
    <t xml:space="preserve">     Radiologieonderwijs in de cloud</t>
  </si>
  <si>
    <t>10. Algemeen: ReMa Alumni netwerk, alumni event en career event</t>
  </si>
  <si>
    <t>11. HS/CR: Vergroten feedback geletterdheid onder docenten</t>
  </si>
  <si>
    <t xml:space="preserve">       Neuroscience: Ontwikkeling vak Robotics</t>
  </si>
  <si>
    <t>12. IenI: Modernisering didactiek en inhoud kennis-georiënteerde courses ReMa I&amp;I</t>
  </si>
  <si>
    <t>13. IenI: Professional Identity Formation (PIF)</t>
  </si>
  <si>
    <t>14. IenI: Collegeopnames: voor en door studenten</t>
  </si>
  <si>
    <t>15. GiS: Innovatie in het Hoger Onderwijs; inventarisatie van nieuwe taken en slimme oplossingen om de werkdruk te beheersen</t>
  </si>
  <si>
    <t>16. E-boeken voor Ba1 EA2030</t>
  </si>
  <si>
    <t>Maarten Frens</t>
  </si>
  <si>
    <t>Titel</t>
  </si>
  <si>
    <t>Eigenaar</t>
  </si>
  <si>
    <t>Projectleider</t>
  </si>
  <si>
    <t>Totale looptijd</t>
  </si>
  <si>
    <t>Korte inhoud</t>
  </si>
  <si>
    <t>Intervisie en coaching van CGO docenten</t>
  </si>
  <si>
    <t>Onderwijs voor begeleiders van coassistenten</t>
  </si>
  <si>
    <t>Ontwikkeling van onderwijs t.b.v. de uitrol van EA2030 in de master GNK</t>
  </si>
  <si>
    <t>Aanpassing vakken t.b.v. nieuwe curriculum Nanobiology</t>
  </si>
  <si>
    <t>Ontwikkeling en aanpassing van vakken t.b.v. het nieuwe curriculum Nanobiology</t>
  </si>
  <si>
    <t>Ontwikkeling 2 nieuwe keuzevakken voor de MSc Nanobiology</t>
  </si>
  <si>
    <t>Middelen t.b.v. online onderwijs en toetsing</t>
  </si>
  <si>
    <t>Budget in 2025</t>
  </si>
  <si>
    <t>Digitalisering van het onderwijs: Versnellingsplan</t>
  </si>
  <si>
    <t xml:space="preserve">Diversiteit en Inclusie </t>
  </si>
  <si>
    <t>Kosten diversiteits officer</t>
  </si>
  <si>
    <t>Ontwikkelen van nieuwe opleidingen en opstartkosten</t>
  </si>
  <si>
    <t>Kosten in de aanloop naar ontwikkeling van nieuwe opleidingen</t>
  </si>
  <si>
    <t>Ondersteuning van studenten: Studenten welzijnsdag</t>
  </si>
  <si>
    <t>Voor en door studenten georganiseerde dag t.b.v. verbinding</t>
  </si>
  <si>
    <t xml:space="preserve">Middelen t.b.v </t>
  </si>
  <si>
    <t>IVTG deskundige</t>
  </si>
  <si>
    <t>Joris Pothof</t>
  </si>
  <si>
    <t>Tanja van Kempen</t>
  </si>
  <si>
    <t>Daan Schilperoord/Maarten Morsink</t>
  </si>
  <si>
    <t>Maaike Karemaker</t>
  </si>
  <si>
    <t>Gert Jansen</t>
  </si>
  <si>
    <t>Matijs Doets/ Daan Schilperoord</t>
  </si>
  <si>
    <t>Projekt#</t>
  </si>
  <si>
    <t>Contactpersoon</t>
  </si>
  <si>
    <t>Project Titel</t>
  </si>
  <si>
    <t>Einddatum</t>
  </si>
  <si>
    <t> 116962</t>
  </si>
  <si>
    <t>1. BKO, SKO, LOL trajecten</t>
  </si>
  <si>
    <t>Geen einddatum</t>
  </si>
  <si>
    <t> 116964</t>
  </si>
  <si>
    <t xml:space="preserve">2. Teaching Innovation Academy, ontwikkeling programma </t>
  </si>
  <si>
    <t> 116965</t>
  </si>
  <si>
    <t>3. Maatwerk docentprofessionalisering: Intervisie en coaching van CGO docenten</t>
  </si>
  <si>
    <t> 116966</t>
  </si>
  <si>
    <t>4. TtT voor begeleiders coschappen</t>
  </si>
  <si>
    <t> 116961</t>
  </si>
  <si>
    <t>5. Ontwikkeling minoren</t>
  </si>
  <si>
    <t> 116967</t>
  </si>
  <si>
    <t>Opleiding Geneeskunde</t>
  </si>
  <si>
    <t>6. EA2030 bachelor</t>
  </si>
  <si>
    <t> 116968</t>
  </si>
  <si>
    <t>Fop v Kooten</t>
  </si>
  <si>
    <t>7. EA2030 master</t>
  </si>
  <si>
    <t> 116970</t>
  </si>
  <si>
    <t>8. Ontwikkelen van nieuwe opleidingen en opstartkosten</t>
  </si>
  <si>
    <t> 116971</t>
  </si>
  <si>
    <t>MFVR</t>
  </si>
  <si>
    <t>9. Ondersteuning van studenten: Studenten welzijnsdag</t>
  </si>
  <si>
    <t> 116972</t>
  </si>
  <si>
    <t>Leon Plomp</t>
  </si>
  <si>
    <t>10. IVTG deskundige</t>
  </si>
  <si>
    <t> 116973</t>
  </si>
  <si>
    <t>Lianne vd Giessen</t>
  </si>
  <si>
    <t>11. Loopbaancentrum Erasmus MC</t>
  </si>
  <si>
    <t> 116974</t>
  </si>
  <si>
    <t>Christa Niehot</t>
  </si>
  <si>
    <t>12. E-boeken voor Ba1 EA2030</t>
  </si>
  <si>
    <t> 116975</t>
  </si>
  <si>
    <t>Annet Bout-Tellegen</t>
  </si>
  <si>
    <t>13. Algemeen: ReMa Alumni netwerk, alumni event en career event</t>
  </si>
  <si>
    <t> 116976</t>
  </si>
  <si>
    <t>Astrid van Driel</t>
  </si>
  <si>
    <t>14. HS/CR: Vergroten feedback geletterdheid onder docenten</t>
  </si>
  <si>
    <t> 116977</t>
  </si>
  <si>
    <t>Andrea Woltman</t>
  </si>
  <si>
    <t>15. IenI: Modernisering didactiek en inhoud kennis-georiënteerde courses ReMa I&amp;I</t>
  </si>
  <si>
    <t> 116978</t>
  </si>
  <si>
    <t>Andrea Woltman/Annemerle Beerthuizen</t>
  </si>
  <si>
    <t>16. IenI: Professional Identity Formation (PIF)</t>
  </si>
  <si>
    <t> 116979</t>
  </si>
  <si>
    <t>Danique van Aalst</t>
  </si>
  <si>
    <t>17. IenI: Collegeopnames: voor en door studenten</t>
  </si>
  <si>
    <t> 116980</t>
  </si>
  <si>
    <t>Sam Riedijk</t>
  </si>
  <si>
    <t>18. GiS: Innovatie in het Hoger Onderwijs; inventarisatie van nieuwe taken en slimme oplossingen om de werkdruk te beheersen</t>
  </si>
  <si>
    <t>Budget 2025</t>
  </si>
  <si>
    <t>Programma om de onderwijs kwalificatie trajecten BKO, SKO en LOL t.b.v. onze docenten zonder verdere kosten aan te bieden</t>
  </si>
  <si>
    <t>Ontwikkeling van 10 nieuwe 30 EC minoren t.b.v. de bachelor EA2030</t>
  </si>
  <si>
    <t>Middelen om tijdelijk de extra kosten die gemaakt worden voor het nieuwe EA2030 curriculum op te vangen</t>
  </si>
  <si>
    <t>Kosten die gemaakt worden in de aanloop naar ontwikkeling van nieuwe opleidingen</t>
  </si>
  <si>
    <t>Voor en door studenten georganiseerde dag t.b.v. verbinding tussen studenten</t>
  </si>
  <si>
    <t>In overleg met de andere UMCs worden ten behoeve van de voortgangstoets geneeskunde vragen ontwikkeld.</t>
  </si>
  <si>
    <t>Beschikbaarheid van extra e-boeken t.b.v. studenten in het eerste bachelorjaar van EA2030</t>
  </si>
  <si>
    <t>Ontwikkeling van een netwerk t.b.v. opleidingen, studenten en alumni van de reaserch masters</t>
  </si>
  <si>
    <t>Vernieuwing van de inhoud van het curriculum en de daarbij passende toetsvormen.</t>
  </si>
  <si>
    <t>Programma om studenten gedurende hun studie op persoonlijk en professioneel niveau te ondersteunen</t>
  </si>
  <si>
    <t>Opnames van colleges door studentassistenten</t>
  </si>
  <si>
    <t>Aanpassingen in en rond het GiS curriculum: inventarisatie van nieuwe taken en slimme oplossingen om de werkdruk te beheersen</t>
  </si>
  <si>
    <t xml:space="preserve">Ontmoetingsplaats zijn voor docenten. Bijscholing en hier kunnen ideeën worden uitgewisseld en nieuwe initiatieven ontstaan. </t>
  </si>
  <si>
    <t xml:space="preserve">Loopbaancentrum: loopbaanadvies en studenten worden bijgestaan in persoonlijke ontwikkeling en reflectie daarop. </t>
  </si>
  <si>
    <t>Feedbackgeletterdheid van docenten (en studenten) verhogen en stimuleren hier zelf verder mee aan de slag te gaan in hun onderwijs.</t>
  </si>
  <si>
    <t>Tanja van Kempen/Joris Pothof</t>
  </si>
  <si>
    <t>Francine Ijpelaar/Leen Blok</t>
  </si>
  <si>
    <t>Zeer korte beschrijving</t>
  </si>
  <si>
    <t>Bekostigd vanuit:</t>
  </si>
  <si>
    <t>Bestuursakkoord</t>
  </si>
  <si>
    <t>HoKa</t>
  </si>
  <si>
    <t>21. Versnellingsplan Online Onderwijs en Toetsen</t>
  </si>
  <si>
    <t>Mathijs Doets/Daan Schilperoord</t>
  </si>
  <si>
    <t>Noortje Jacobs</t>
  </si>
  <si>
    <t>Ed van Beeck</t>
  </si>
  <si>
    <t>Hegias Bontebal</t>
  </si>
  <si>
    <t>O&amp;S</t>
  </si>
  <si>
    <t>22. Pandemie</t>
  </si>
  <si>
    <t>22. Planetary Health</t>
  </si>
  <si>
    <t>23. Transdisciplinary Research Education in Convergence (TREC)</t>
  </si>
  <si>
    <t>24. Audiovisual design of classrooms in education centre</t>
  </si>
  <si>
    <t>25. Inclusive Selection and Matching</t>
  </si>
  <si>
    <t>26. Docentprofessionalisering EA2030</t>
  </si>
  <si>
    <t>27. Mitigatie gevolgen overgang naar nieuw curriculum</t>
  </si>
  <si>
    <t>Hulp bij digitale oplossingen voor het onderwijs</t>
  </si>
  <si>
    <t>Ontwikkeling van maatschappelijk relevante projecten EA2030</t>
  </si>
  <si>
    <t>Toevoeging van onderwijs in duurzaamheid aan EA2030</t>
  </si>
  <si>
    <t>Ontwikkeling van 30EC minor t.b.v. Nanobiologie</t>
  </si>
  <si>
    <t>Plaatsing state of the art audiovisuele middelen in alle onderwijszalen</t>
  </si>
  <si>
    <t>Doorontwikkeling van selectiesysteem t.b.v. de bachelor geneeskunde</t>
  </si>
  <si>
    <t>Onderwijs t.b.v. de docenten in EA2030 (CGO, VIP, PO, PT, etc)</t>
  </si>
  <si>
    <t>Beschikbaarheid van middelen om extra inpanning t.b.v. overgang naar het nieuwe curriculum te leveren</t>
  </si>
  <si>
    <t>SAY gelden</t>
  </si>
  <si>
    <t>Herinrichting van de Research Masters met als doel de doceerbaarheid te verbeteren.</t>
  </si>
  <si>
    <t>Het aanbieden van extra onderwijs, tentaminering en begeleiding ten behoeve van studenten tijdens de overgangssituatie die ontstaat door de vernieuwing van het geneeskunde curriculum.</t>
  </si>
  <si>
    <t>N.D.</t>
  </si>
  <si>
    <t>Strat. Ow. Budget</t>
  </si>
  <si>
    <t>28. Aanpassing vakken t.b.v. nieuwe curriculum Nanobiology</t>
  </si>
  <si>
    <t>29. Ontwikkeling 2 nieuwe keuzevakken voor de MSc Nanobiology</t>
  </si>
  <si>
    <t>30. Vernieuwingen research master</t>
  </si>
  <si>
    <t>31. Mitigatie EA2030</t>
  </si>
  <si>
    <t>32. Radiologie onderwijs in de Cloud</t>
  </si>
  <si>
    <t>33. Rema, neurorobotics</t>
  </si>
  <si>
    <t>Jifke Veenland</t>
  </si>
  <si>
    <t>Marcel de Jeu</t>
  </si>
  <si>
    <t>Overbrengen van grote bestanden t.b.v. het radiologieonderwijs naar de cloud</t>
  </si>
  <si>
    <t>Chantal van Andel</t>
  </si>
  <si>
    <t>34. Diversiteit en Inclusie</t>
  </si>
  <si>
    <t>Sector gelden</t>
  </si>
  <si>
    <t>Aanstelling van Chantal van Andel als adviseur t.b.v. Diversiteit en Inclusie</t>
  </si>
  <si>
    <t>Ontwikkeling van nieuw onderwijs t.b.v. de reseach master Neuroscience</t>
  </si>
  <si>
    <t>Eva Madsen</t>
  </si>
  <si>
    <t>19. Buddysysteem voor 1ste generatie studenten</t>
  </si>
  <si>
    <t>Ondersteuning voor studenten die voor het eerst binnen hun familie gaan studeren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mc:Ignorable="x14ac x16r2">
  <numFmts count="1">
    <numFmt numFmtId="164" formatCode="&quot;€&quot;\ #,##0_-"/>
  </numFmts>
  <fonts count="4">
    <font>
      <sz val="11"/>
      <color theme="1"/>
      <name val="Aptos Narrow"/>
      <family val="2"/>
      <scheme val="minor"/>
    </font>
    <font>
      <sz val="11"/>
      <color theme="0"/>
      <name val="Aptos Narrow"/>
      <family val="2"/>
      <scheme val="minor"/>
    </font>
    <font>
      <sz val="11"/>
      <color theme="1"/>
      <name val="Calibri"/>
      <family val="2"/>
    </font>
    <font>
      <sz val="12"/>
      <color theme="0"/>
      <name val="Calibri"/>
      <family val="2"/>
    </font>
  </fonts>
  <fills count="7">
    <fill>
      <patternFill patternType="none"/>
    </fill>
    <fill>
      <patternFill patternType="gray125"/>
    </fill>
    <fill>
      <patternFill patternType="solid">
        <fgColor rgb="FFFFFF00"/>
        <bgColor indexed="64"/>
      </patternFill>
    </fill>
    <fill>
      <patternFill patternType="solid">
        <fgColor theme="9"/>
      </patternFill>
    </fill>
    <fill>
      <patternFill patternType="solid">
        <fgColor theme="9" tint="-0.249977111117893"/>
        <bgColor indexed="64"/>
      </patternFill>
    </fill>
    <fill>
      <patternFill patternType="solid">
        <fgColor theme="9" tint="0.59999389629810485"/>
        <bgColor indexed="64"/>
      </patternFill>
    </fill>
    <fill>
      <patternFill patternType="solid">
        <fgColor theme="9" tint="0.79998168889431442"/>
        <bgColor indexed="64"/>
      </patternFill>
    </fill>
  </fills>
  <borders count="17">
    <border>
      <left/>
      <right/>
      <top/>
      <bottom/>
      <diagonal/>
    </border>
    <border>
      <left style="medium">
        <color indexed="64"/>
      </left>
      <right style="thin">
        <color indexed="64"/>
      </right>
      <top style="medium">
        <color indexed="64"/>
      </top>
      <bottom/>
      <diagonal/>
    </border>
    <border>
      <left style="thin">
        <color indexed="64"/>
      </left>
      <right style="thin">
        <color indexed="64"/>
      </right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/>
      <right style="medium">
        <color indexed="64"/>
      </right>
      <top/>
      <bottom/>
      <diagonal/>
    </border>
    <border>
      <left style="medium">
        <color indexed="64"/>
      </left>
      <right style="medium">
        <color indexed="64"/>
      </right>
      <top/>
      <bottom/>
      <diagonal/>
    </border>
    <border>
      <left/>
      <right/>
      <top/>
      <bottom style="medium">
        <color indexed="64"/>
      </bottom>
      <diagonal/>
    </border>
    <border>
      <left style="medium">
        <color indexed="64"/>
      </left>
      <right style="thin">
        <color indexed="64"/>
      </right>
      <top/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 style="medium">
        <color indexed="64"/>
      </bottom>
      <diagonal/>
    </border>
    <border>
      <left/>
      <right style="medium">
        <color indexed="64"/>
      </right>
      <top/>
      <bottom style="medium">
        <color indexed="64"/>
      </bottom>
      <diagonal/>
    </border>
    <border>
      <left style="medium">
        <color indexed="64"/>
      </left>
      <right style="medium">
        <color indexed="64"/>
      </right>
      <top/>
      <bottom style="medium">
        <color indexed="64"/>
      </bottom>
      <diagonal/>
    </border>
    <border>
      <left style="thin">
        <color indexed="64"/>
      </left>
      <right/>
      <top style="medium">
        <color indexed="64"/>
      </top>
      <bottom/>
      <diagonal/>
    </border>
    <border>
      <left style="thin">
        <color indexed="64"/>
      </left>
      <right style="medium">
        <color indexed="64"/>
      </right>
      <top style="medium">
        <color indexed="64"/>
      </top>
      <bottom/>
      <diagonal/>
    </border>
    <border>
      <left style="thin">
        <color indexed="64"/>
      </left>
      <right style="medium">
        <color indexed="64"/>
      </right>
      <top/>
      <bottom/>
      <diagonal/>
    </border>
    <border>
      <left style="thin">
        <color indexed="64"/>
      </left>
      <right style="medium">
        <color indexed="64"/>
      </right>
      <top/>
      <bottom style="medium">
        <color indexed="64"/>
      </bottom>
      <diagonal/>
    </border>
  </borders>
  <cellStyleXfs count="2">
    <xf numFmtId="0" fontId="0" fillId="0" borderId="0"/>
    <xf numFmtId="0" fontId="1" fillId="3" borderId="0" applyNumberFormat="0" applyBorder="0" applyAlignment="0" applyProtection="0"/>
  </cellStyleXfs>
  <cellXfs count="29">
    <xf numFmtId="0" fontId="0" fillId="0" borderId="0" xfId="0"/>
    <xf numFmtId="0" fontId="0" fillId="2" borderId="0" xfId="0" applyFill="1"/>
    <xf numFmtId="0" fontId="2" fillId="5" borderId="4" xfId="0" applyFont="1" applyFill="1" applyBorder="1" applyAlignment="1">
      <alignment horizontal="left" vertical="top" wrapText="1"/>
    </xf>
    <xf numFmtId="164" fontId="2" fillId="5" borderId="6" xfId="0" applyNumberFormat="1" applyFont="1" applyFill="1" applyBorder="1" applyAlignment="1">
      <alignment horizontal="left" vertical="top" wrapText="1"/>
    </xf>
    <xf numFmtId="0" fontId="2" fillId="5" borderId="5" xfId="0" applyFont="1" applyFill="1" applyBorder="1" applyAlignment="1">
      <alignment horizontal="left" vertical="top" wrapText="1"/>
    </xf>
    <xf numFmtId="0" fontId="2" fillId="5" borderId="0" xfId="0" applyFont="1" applyFill="1" applyBorder="1" applyAlignment="1">
      <alignment horizontal="left" vertical="top" wrapText="1"/>
    </xf>
    <xf numFmtId="164" fontId="2" fillId="5" borderId="15" xfId="0" applyNumberFormat="1" applyFont="1" applyFill="1" applyBorder="1" applyAlignment="1">
      <alignment horizontal="left" vertical="top" wrapText="1"/>
    </xf>
    <xf numFmtId="0" fontId="2" fillId="5" borderId="7" xfId="0" applyFont="1" applyFill="1" applyBorder="1" applyAlignment="1">
      <alignment horizontal="left" vertical="top" wrapText="1"/>
    </xf>
    <xf numFmtId="0" fontId="2" fillId="6" borderId="4" xfId="0" applyFont="1" applyFill="1" applyBorder="1" applyAlignment="1">
      <alignment horizontal="left" vertical="top" wrapText="1"/>
    </xf>
    <xf numFmtId="164" fontId="2" fillId="6" borderId="6" xfId="0" applyNumberFormat="1" applyFont="1" applyFill="1" applyBorder="1" applyAlignment="1">
      <alignment horizontal="left" vertical="top" wrapText="1"/>
    </xf>
    <xf numFmtId="0" fontId="2" fillId="6" borderId="5" xfId="0" applyFont="1" applyFill="1" applyBorder="1" applyAlignment="1">
      <alignment horizontal="left" vertical="top" wrapText="1"/>
    </xf>
    <xf numFmtId="0" fontId="2" fillId="6" borderId="0" xfId="0" applyFont="1" applyFill="1" applyBorder="1" applyAlignment="1">
      <alignment horizontal="left" vertical="top" wrapText="1"/>
    </xf>
    <xf numFmtId="164" fontId="2" fillId="6" borderId="15" xfId="0" applyNumberFormat="1" applyFont="1" applyFill="1" applyBorder="1" applyAlignment="1">
      <alignment horizontal="left" vertical="top" wrapText="1"/>
    </xf>
    <xf numFmtId="0" fontId="2" fillId="6" borderId="7" xfId="0" applyFont="1" applyFill="1" applyBorder="1" applyAlignment="1">
      <alignment horizontal="left" vertical="top" wrapText="1"/>
    </xf>
    <xf numFmtId="14" fontId="2" fillId="6" borderId="7" xfId="0" applyNumberFormat="1" applyFont="1" applyFill="1" applyBorder="1" applyAlignment="1">
      <alignment horizontal="left" vertical="top" wrapText="1"/>
    </xf>
    <xf numFmtId="14" fontId="2" fillId="5" borderId="7" xfId="0" applyNumberFormat="1" applyFont="1" applyFill="1" applyBorder="1" applyAlignment="1">
      <alignment horizontal="left" vertical="top" wrapText="1"/>
    </xf>
    <xf numFmtId="0" fontId="3" fillId="4" borderId="1" xfId="1" applyFont="1" applyFill="1" applyBorder="1" applyAlignment="1" applyProtection="1">
      <alignment horizontal="left" vertical="top" wrapText="1"/>
      <protection locked="0"/>
    </xf>
    <xf numFmtId="0" fontId="3" fillId="4" borderId="2" xfId="1" applyFont="1" applyFill="1" applyBorder="1" applyAlignment="1" applyProtection="1">
      <alignment horizontal="left" vertical="top" wrapText="1"/>
      <protection locked="0"/>
    </xf>
    <xf numFmtId="0" fontId="3" fillId="4" borderId="13" xfId="1" applyFont="1" applyFill="1" applyBorder="1" applyAlignment="1" applyProtection="1">
      <alignment horizontal="left" vertical="top" wrapText="1"/>
      <protection locked="0"/>
    </xf>
    <xf numFmtId="0" fontId="3" fillId="4" borderId="14" xfId="1" applyFont="1" applyFill="1" applyBorder="1" applyAlignment="1" applyProtection="1">
      <alignment horizontal="left" vertical="top" wrapText="1"/>
      <protection locked="0"/>
    </xf>
    <xf numFmtId="0" fontId="3" fillId="4" borderId="3" xfId="1" applyFont="1" applyFill="1" applyBorder="1" applyAlignment="1" applyProtection="1">
      <alignment horizontal="left" vertical="top" wrapText="1"/>
      <protection locked="0"/>
    </xf>
    <xf numFmtId="0" fontId="2" fillId="0" borderId="0" xfId="0" applyFont="1" applyAlignment="1" applyProtection="1">
      <alignment horizontal="left" vertical="top" wrapText="1"/>
      <protection locked="0"/>
    </xf>
    <xf numFmtId="0" fontId="2" fillId="0" borderId="0" xfId="0" applyFont="1" applyAlignment="1">
      <alignment horizontal="left" vertical="top" wrapText="1"/>
    </xf>
    <xf numFmtId="0" fontId="2" fillId="6" borderId="9" xfId="0" applyFont="1" applyFill="1" applyBorder="1" applyAlignment="1">
      <alignment horizontal="left" vertical="top" wrapText="1"/>
    </xf>
    <xf numFmtId="164" fontId="2" fillId="6" borderId="11" xfId="0" applyNumberFormat="1" applyFont="1" applyFill="1" applyBorder="1" applyAlignment="1">
      <alignment horizontal="left" vertical="top" wrapText="1"/>
    </xf>
    <xf numFmtId="0" fontId="2" fillId="6" borderId="10" xfId="0" applyFont="1" applyFill="1" applyBorder="1" applyAlignment="1">
      <alignment horizontal="left" vertical="top" wrapText="1"/>
    </xf>
    <xf numFmtId="0" fontId="2" fillId="6" borderId="8" xfId="0" applyFont="1" applyFill="1" applyBorder="1" applyAlignment="1">
      <alignment horizontal="left" vertical="top" wrapText="1"/>
    </xf>
    <xf numFmtId="164" fontId="2" fillId="6" borderId="16" xfId="0" applyNumberFormat="1" applyFont="1" applyFill="1" applyBorder="1" applyAlignment="1">
      <alignment horizontal="left" vertical="top" wrapText="1"/>
    </xf>
    <xf numFmtId="14" fontId="2" fillId="6" borderId="12" xfId="0" applyNumberFormat="1" applyFont="1" applyFill="1" applyBorder="1" applyAlignment="1">
      <alignment horizontal="left" vertical="top" wrapText="1"/>
    </xf>
  </cellXfs>
  <cellStyles count="2">
    <cellStyle name="Accent6" xfId="1" builtinId="49"/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3:Q21"/>
  <sheetViews>
    <sheetView workbookViewId="0">
      <selection activeCell="B7" sqref="B7:C7"/>
    </sheetView>
  </sheetViews>
  <sheetFormatPr defaultRowHeight="13.8"/>
  <cols>
    <col min="10" max="10" width="14.8984375" customWidth="1"/>
  </cols>
  <sheetData>
    <row r="3" spans="2:17">
      <c r="B3" t="s">
        <v>12</v>
      </c>
      <c r="J3" t="s">
        <v>13</v>
      </c>
      <c r="K3" t="s">
        <v>14</v>
      </c>
      <c r="M3" t="s">
        <v>24</v>
      </c>
      <c r="O3" t="s">
        <v>15</v>
      </c>
      <c r="Q3" t="s">
        <v>16</v>
      </c>
    </row>
    <row r="4" spans="2:17">
      <c r="B4" t="s">
        <v>20</v>
      </c>
      <c r="J4" t="s">
        <v>34</v>
      </c>
      <c r="Q4" t="s">
        <v>21</v>
      </c>
    </row>
    <row r="5" spans="2:17">
      <c r="B5" t="s">
        <v>22</v>
      </c>
      <c r="J5" t="s">
        <v>34</v>
      </c>
      <c r="Q5" t="s">
        <v>22</v>
      </c>
    </row>
    <row r="6" spans="2:17">
      <c r="B6" t="s">
        <v>25</v>
      </c>
      <c r="J6" t="s">
        <v>11</v>
      </c>
      <c r="K6" t="s">
        <v>39</v>
      </c>
      <c r="Q6" t="s">
        <v>23</v>
      </c>
    </row>
    <row r="7" spans="2:17">
      <c r="B7" t="s">
        <v>26</v>
      </c>
      <c r="Q7" t="s">
        <v>27</v>
      </c>
    </row>
    <row r="8" spans="2:17">
      <c r="B8" t="s">
        <v>28</v>
      </c>
      <c r="Q8" t="s">
        <v>29</v>
      </c>
    </row>
    <row r="9" spans="2:17">
      <c r="B9" t="s">
        <v>30</v>
      </c>
      <c r="Q9" t="s">
        <v>31</v>
      </c>
    </row>
    <row r="10" spans="2:17">
      <c r="B10" t="s">
        <v>33</v>
      </c>
      <c r="Q10" s="1" t="s">
        <v>32</v>
      </c>
    </row>
    <row r="11" spans="2:17">
      <c r="B11" t="s">
        <v>0</v>
      </c>
    </row>
    <row r="12" spans="2:17">
      <c r="B12" t="s">
        <v>1</v>
      </c>
    </row>
    <row r="13" spans="2:17">
      <c r="B13" t="s">
        <v>2</v>
      </c>
    </row>
    <row r="14" spans="2:17">
      <c r="B14" t="s">
        <v>3</v>
      </c>
    </row>
    <row r="15" spans="2:17">
      <c r="B15" t="s">
        <v>4</v>
      </c>
    </row>
    <row r="16" spans="2:17">
      <c r="B16" t="s">
        <v>5</v>
      </c>
    </row>
    <row r="17" spans="2:2">
      <c r="B17" t="s">
        <v>6</v>
      </c>
    </row>
    <row r="18" spans="2:2">
      <c r="B18" t="s">
        <v>7</v>
      </c>
    </row>
    <row r="19" spans="2:2">
      <c r="B19" t="s">
        <v>8</v>
      </c>
    </row>
    <row r="20" spans="2:2">
      <c r="B20" t="s">
        <v>9</v>
      </c>
    </row>
    <row r="21" spans="2:2">
      <c r="B21" t="s">
        <v>10</v>
      </c>
    </row>
  </sheetData>
  <pageMargins left="0.7" right="0.7" top="0.75" bottom="0.75" header="0.3" footer="0.3"/>
  <pageSetup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H35"/>
  <sheetViews>
    <sheetView tabSelected="1" zoomScale="90" zoomScaleNormal="90" workbookViewId="0">
      <pane ySplit="1" topLeftCell="A2" activePane="bottomLeft" state="frozen"/>
      <selection pane="bottomLeft" activeCell="D37" sqref="D37"/>
    </sheetView>
  </sheetViews>
  <sheetFormatPr defaultRowHeight="21" customHeight="1"/>
  <cols>
    <col min="1" max="1" width="4" style="22" customWidth="1"/>
    <col min="2" max="2" width="8.796875" style="22"/>
    <col min="3" max="3" width="32" style="22" customWidth="1"/>
    <col min="4" max="4" width="54" style="22" customWidth="1"/>
    <col min="5" max="5" width="17.296875" style="22" customWidth="1"/>
    <col min="6" max="6" width="14.5" style="22" customWidth="1"/>
    <col min="7" max="7" width="19.796875" style="22" customWidth="1"/>
    <col min="8" max="8" width="55.69921875" style="22" customWidth="1"/>
    <col min="9" max="16384" width="8.796875" style="22"/>
  </cols>
  <sheetData>
    <row r="1" spans="1:8" s="21" customFormat="1" ht="15.6">
      <c r="A1" s="16"/>
      <c r="B1" s="16" t="s">
        <v>40</v>
      </c>
      <c r="C1" s="17" t="s">
        <v>41</v>
      </c>
      <c r="D1" s="17" t="s">
        <v>42</v>
      </c>
      <c r="E1" s="18" t="s">
        <v>112</v>
      </c>
      <c r="F1" s="19" t="s">
        <v>93</v>
      </c>
      <c r="G1" s="20" t="s">
        <v>43</v>
      </c>
      <c r="H1" s="20" t="s">
        <v>111</v>
      </c>
    </row>
    <row r="2" spans="1:8" s="21" customFormat="1" ht="28.8">
      <c r="A2" s="2">
        <v>1</v>
      </c>
      <c r="B2" s="2" t="s">
        <v>44</v>
      </c>
      <c r="C2" s="3" t="s">
        <v>35</v>
      </c>
      <c r="D2" s="4" t="s">
        <v>45</v>
      </c>
      <c r="E2" s="5" t="s">
        <v>113</v>
      </c>
      <c r="F2" s="6">
        <v>240000</v>
      </c>
      <c r="G2" s="7" t="s">
        <v>46</v>
      </c>
      <c r="H2" s="7" t="s">
        <v>94</v>
      </c>
    </row>
    <row r="3" spans="1:8" ht="28.8">
      <c r="A3" s="8">
        <v>2</v>
      </c>
      <c r="B3" s="8" t="s">
        <v>47</v>
      </c>
      <c r="C3" s="9" t="s">
        <v>109</v>
      </c>
      <c r="D3" s="10" t="s">
        <v>48</v>
      </c>
      <c r="E3" s="11" t="s">
        <v>113</v>
      </c>
      <c r="F3" s="12">
        <v>60000</v>
      </c>
      <c r="G3" s="13" t="s">
        <v>46</v>
      </c>
      <c r="H3" s="13" t="s">
        <v>106</v>
      </c>
    </row>
    <row r="4" spans="1:8" ht="28.8">
      <c r="A4" s="2">
        <v>3</v>
      </c>
      <c r="B4" s="2" t="s">
        <v>49</v>
      </c>
      <c r="C4" s="3" t="s">
        <v>36</v>
      </c>
      <c r="D4" s="4" t="s">
        <v>50</v>
      </c>
      <c r="E4" s="5" t="s">
        <v>113</v>
      </c>
      <c r="F4" s="6">
        <v>21000</v>
      </c>
      <c r="G4" s="15">
        <v>46752</v>
      </c>
      <c r="H4" s="7" t="s">
        <v>17</v>
      </c>
    </row>
    <row r="5" spans="1:8" ht="14.4">
      <c r="A5" s="8">
        <v>4</v>
      </c>
      <c r="B5" s="8" t="s">
        <v>51</v>
      </c>
      <c r="C5" s="9" t="s">
        <v>37</v>
      </c>
      <c r="D5" s="10" t="s">
        <v>52</v>
      </c>
      <c r="E5" s="11" t="s">
        <v>113</v>
      </c>
      <c r="F5" s="12">
        <v>5000</v>
      </c>
      <c r="G5" s="14">
        <v>46022</v>
      </c>
      <c r="H5" s="14" t="s">
        <v>18</v>
      </c>
    </row>
    <row r="6" spans="1:8" ht="14.4">
      <c r="A6" s="2">
        <v>5</v>
      </c>
      <c r="B6" s="2" t="s">
        <v>53</v>
      </c>
      <c r="C6" s="3" t="s">
        <v>38</v>
      </c>
      <c r="D6" s="4" t="s">
        <v>54</v>
      </c>
      <c r="E6" s="5" t="s">
        <v>113</v>
      </c>
      <c r="F6" s="6">
        <v>438000</v>
      </c>
      <c r="G6" s="15">
        <v>46387</v>
      </c>
      <c r="H6" s="15" t="s">
        <v>95</v>
      </c>
    </row>
    <row r="7" spans="1:8" ht="28.8">
      <c r="A7" s="8">
        <v>6</v>
      </c>
      <c r="B7" s="8" t="s">
        <v>55</v>
      </c>
      <c r="C7" s="9" t="s">
        <v>56</v>
      </c>
      <c r="D7" s="10" t="s">
        <v>57</v>
      </c>
      <c r="E7" s="11" t="s">
        <v>113</v>
      </c>
      <c r="F7" s="12">
        <v>270000</v>
      </c>
      <c r="G7" s="14">
        <v>46022</v>
      </c>
      <c r="H7" s="14" t="s">
        <v>96</v>
      </c>
    </row>
    <row r="8" spans="1:8" ht="14.4">
      <c r="A8" s="2">
        <v>7</v>
      </c>
      <c r="B8" s="2" t="s">
        <v>58</v>
      </c>
      <c r="C8" s="3" t="s">
        <v>59</v>
      </c>
      <c r="D8" s="4" t="s">
        <v>60</v>
      </c>
      <c r="E8" s="5" t="s">
        <v>113</v>
      </c>
      <c r="F8" s="6">
        <v>150000</v>
      </c>
      <c r="G8" s="15">
        <v>47118</v>
      </c>
      <c r="H8" s="15" t="s">
        <v>19</v>
      </c>
    </row>
    <row r="9" spans="1:8" ht="28.8">
      <c r="A9" s="8">
        <v>8</v>
      </c>
      <c r="B9" s="8" t="s">
        <v>61</v>
      </c>
      <c r="C9" s="9" t="s">
        <v>110</v>
      </c>
      <c r="D9" s="10" t="s">
        <v>62</v>
      </c>
      <c r="E9" s="11" t="s">
        <v>113</v>
      </c>
      <c r="F9" s="12">
        <v>50000</v>
      </c>
      <c r="G9" s="13" t="s">
        <v>46</v>
      </c>
      <c r="H9" s="13" t="s">
        <v>97</v>
      </c>
    </row>
    <row r="10" spans="1:8" ht="28.8">
      <c r="A10" s="2">
        <v>9</v>
      </c>
      <c r="B10" s="2" t="s">
        <v>63</v>
      </c>
      <c r="C10" s="3" t="s">
        <v>64</v>
      </c>
      <c r="D10" s="4" t="s">
        <v>65</v>
      </c>
      <c r="E10" s="5" t="s">
        <v>113</v>
      </c>
      <c r="F10" s="6">
        <v>20000</v>
      </c>
      <c r="G10" s="7" t="s">
        <v>46</v>
      </c>
      <c r="H10" s="7" t="s">
        <v>98</v>
      </c>
    </row>
    <row r="11" spans="1:8" ht="28.8">
      <c r="A11" s="8">
        <v>10</v>
      </c>
      <c r="B11" s="8" t="s">
        <v>66</v>
      </c>
      <c r="C11" s="9" t="s">
        <v>67</v>
      </c>
      <c r="D11" s="10" t="s">
        <v>68</v>
      </c>
      <c r="E11" s="11" t="s">
        <v>113</v>
      </c>
      <c r="F11" s="12">
        <v>120000</v>
      </c>
      <c r="G11" s="13" t="s">
        <v>46</v>
      </c>
      <c r="H11" s="13" t="s">
        <v>99</v>
      </c>
    </row>
    <row r="12" spans="1:8" ht="28.8">
      <c r="A12" s="2">
        <v>11</v>
      </c>
      <c r="B12" s="2" t="s">
        <v>69</v>
      </c>
      <c r="C12" s="3" t="s">
        <v>70</v>
      </c>
      <c r="D12" s="4" t="s">
        <v>71</v>
      </c>
      <c r="E12" s="5" t="s">
        <v>113</v>
      </c>
      <c r="F12" s="6">
        <v>130000</v>
      </c>
      <c r="G12" s="15">
        <v>46752</v>
      </c>
      <c r="H12" s="15" t="s">
        <v>107</v>
      </c>
    </row>
    <row r="13" spans="1:8" ht="28.8">
      <c r="A13" s="8">
        <v>12</v>
      </c>
      <c r="B13" s="8" t="s">
        <v>72</v>
      </c>
      <c r="C13" s="9" t="s">
        <v>73</v>
      </c>
      <c r="D13" s="10" t="s">
        <v>74</v>
      </c>
      <c r="E13" s="11" t="s">
        <v>113</v>
      </c>
      <c r="F13" s="12">
        <v>15000</v>
      </c>
      <c r="G13" s="13" t="s">
        <v>46</v>
      </c>
      <c r="H13" s="14" t="s">
        <v>100</v>
      </c>
    </row>
    <row r="14" spans="1:8" ht="28.8">
      <c r="A14" s="2">
        <v>13</v>
      </c>
      <c r="B14" s="2" t="s">
        <v>75</v>
      </c>
      <c r="C14" s="3" t="s">
        <v>76</v>
      </c>
      <c r="D14" s="4" t="s">
        <v>77</v>
      </c>
      <c r="E14" s="5" t="s">
        <v>113</v>
      </c>
      <c r="F14" s="6">
        <v>60000</v>
      </c>
      <c r="G14" s="15">
        <v>46387</v>
      </c>
      <c r="H14" s="15" t="s">
        <v>101</v>
      </c>
    </row>
    <row r="15" spans="1:8" ht="28.8">
      <c r="A15" s="8">
        <v>14</v>
      </c>
      <c r="B15" s="8" t="s">
        <v>78</v>
      </c>
      <c r="C15" s="9" t="s">
        <v>79</v>
      </c>
      <c r="D15" s="10" t="s">
        <v>80</v>
      </c>
      <c r="E15" s="11" t="s">
        <v>113</v>
      </c>
      <c r="F15" s="12">
        <v>50000</v>
      </c>
      <c r="G15" s="14">
        <v>46387</v>
      </c>
      <c r="H15" s="14" t="s">
        <v>108</v>
      </c>
    </row>
    <row r="16" spans="1:8" ht="28.8">
      <c r="A16" s="2">
        <v>15</v>
      </c>
      <c r="B16" s="2" t="s">
        <v>81</v>
      </c>
      <c r="C16" s="3" t="s">
        <v>82</v>
      </c>
      <c r="D16" s="4" t="s">
        <v>83</v>
      </c>
      <c r="E16" s="5" t="s">
        <v>113</v>
      </c>
      <c r="F16" s="6">
        <v>78000</v>
      </c>
      <c r="G16" s="15">
        <v>47118</v>
      </c>
      <c r="H16" s="15" t="s">
        <v>102</v>
      </c>
    </row>
    <row r="17" spans="1:8" ht="28.8">
      <c r="A17" s="8">
        <v>16</v>
      </c>
      <c r="B17" s="8" t="s">
        <v>84</v>
      </c>
      <c r="C17" s="9" t="s">
        <v>85</v>
      </c>
      <c r="D17" s="10" t="s">
        <v>86</v>
      </c>
      <c r="E17" s="11" t="s">
        <v>113</v>
      </c>
      <c r="F17" s="12">
        <v>12000</v>
      </c>
      <c r="G17" s="14">
        <v>46752</v>
      </c>
      <c r="H17" s="14" t="s">
        <v>103</v>
      </c>
    </row>
    <row r="18" spans="1:8" ht="14.4">
      <c r="A18" s="2">
        <v>17</v>
      </c>
      <c r="B18" s="2" t="s">
        <v>87</v>
      </c>
      <c r="C18" s="3" t="s">
        <v>88</v>
      </c>
      <c r="D18" s="4" t="s">
        <v>89</v>
      </c>
      <c r="E18" s="5" t="s">
        <v>113</v>
      </c>
      <c r="F18" s="6">
        <v>6000</v>
      </c>
      <c r="G18" s="15">
        <v>46752</v>
      </c>
      <c r="H18" s="15" t="s">
        <v>104</v>
      </c>
    </row>
    <row r="19" spans="1:8" ht="28.8">
      <c r="A19" s="8">
        <v>18</v>
      </c>
      <c r="B19" s="8" t="s">
        <v>90</v>
      </c>
      <c r="C19" s="9" t="s">
        <v>91</v>
      </c>
      <c r="D19" s="10" t="s">
        <v>92</v>
      </c>
      <c r="E19" s="11" t="s">
        <v>113</v>
      </c>
      <c r="F19" s="12">
        <v>20000</v>
      </c>
      <c r="G19" s="14">
        <v>46387</v>
      </c>
      <c r="H19" s="14" t="s">
        <v>105</v>
      </c>
    </row>
    <row r="20" spans="1:8" ht="28.8">
      <c r="A20" s="2">
        <v>19</v>
      </c>
      <c r="B20" s="2"/>
      <c r="C20" s="3" t="s">
        <v>155</v>
      </c>
      <c r="D20" s="4" t="s">
        <v>156</v>
      </c>
      <c r="E20" s="5" t="s">
        <v>113</v>
      </c>
      <c r="F20" s="6">
        <v>20000</v>
      </c>
      <c r="G20" s="15">
        <v>46387</v>
      </c>
      <c r="H20" s="15" t="s">
        <v>157</v>
      </c>
    </row>
    <row r="21" spans="1:8" ht="14.4">
      <c r="A21" s="8">
        <v>20</v>
      </c>
      <c r="B21" s="8">
        <v>111149</v>
      </c>
      <c r="C21" s="9" t="s">
        <v>116</v>
      </c>
      <c r="D21" s="10" t="s">
        <v>115</v>
      </c>
      <c r="E21" s="11" t="s">
        <v>114</v>
      </c>
      <c r="F21" s="12">
        <v>297000</v>
      </c>
      <c r="G21" s="14">
        <v>46022</v>
      </c>
      <c r="H21" s="14" t="s">
        <v>128</v>
      </c>
    </row>
    <row r="22" spans="1:8" ht="14.4">
      <c r="A22" s="2">
        <v>21</v>
      </c>
      <c r="B22" s="2">
        <v>112796</v>
      </c>
      <c r="C22" s="3" t="s">
        <v>117</v>
      </c>
      <c r="D22" s="4" t="s">
        <v>121</v>
      </c>
      <c r="E22" s="5" t="s">
        <v>114</v>
      </c>
      <c r="F22" s="6">
        <v>81018</v>
      </c>
      <c r="G22" s="15">
        <v>46022</v>
      </c>
      <c r="H22" s="15" t="s">
        <v>129</v>
      </c>
    </row>
    <row r="23" spans="1:8" ht="14.4">
      <c r="A23" s="8">
        <v>22</v>
      </c>
      <c r="B23" s="8">
        <v>114666</v>
      </c>
      <c r="C23" s="9" t="s">
        <v>118</v>
      </c>
      <c r="D23" s="10" t="s">
        <v>122</v>
      </c>
      <c r="E23" s="11" t="s">
        <v>114</v>
      </c>
      <c r="F23" s="12">
        <v>57288</v>
      </c>
      <c r="G23" s="14">
        <v>46022</v>
      </c>
      <c r="H23" s="14" t="s">
        <v>130</v>
      </c>
    </row>
    <row r="24" spans="1:8" ht="14.4">
      <c r="A24" s="2">
        <v>23</v>
      </c>
      <c r="B24" s="2">
        <v>114918</v>
      </c>
      <c r="C24" s="3" t="s">
        <v>119</v>
      </c>
      <c r="D24" s="4" t="s">
        <v>123</v>
      </c>
      <c r="E24" s="5" t="s">
        <v>114</v>
      </c>
      <c r="F24" s="6">
        <v>15388</v>
      </c>
      <c r="G24" s="15">
        <v>46022</v>
      </c>
      <c r="H24" s="15" t="s">
        <v>131</v>
      </c>
    </row>
    <row r="25" spans="1:8" ht="14.4">
      <c r="A25" s="8">
        <v>24</v>
      </c>
      <c r="B25" s="8">
        <v>115420</v>
      </c>
      <c r="C25" s="9" t="s">
        <v>120</v>
      </c>
      <c r="D25" s="10" t="s">
        <v>124</v>
      </c>
      <c r="E25" s="11" t="s">
        <v>114</v>
      </c>
      <c r="F25" s="12">
        <v>470331</v>
      </c>
      <c r="G25" s="14">
        <v>46022</v>
      </c>
      <c r="H25" s="14" t="s">
        <v>132</v>
      </c>
    </row>
    <row r="26" spans="1:8" ht="14.4">
      <c r="A26" s="2">
        <v>25</v>
      </c>
      <c r="B26" s="2">
        <v>115490</v>
      </c>
      <c r="C26" s="3" t="s">
        <v>82</v>
      </c>
      <c r="D26" s="4" t="s">
        <v>125</v>
      </c>
      <c r="E26" s="5" t="s">
        <v>114</v>
      </c>
      <c r="F26" s="6">
        <v>299976</v>
      </c>
      <c r="G26" s="15">
        <v>46022</v>
      </c>
      <c r="H26" s="15" t="s">
        <v>133</v>
      </c>
    </row>
    <row r="27" spans="1:8" ht="14.4">
      <c r="A27" s="8">
        <v>26</v>
      </c>
      <c r="B27" s="8">
        <v>116018</v>
      </c>
      <c r="C27" s="9" t="s">
        <v>35</v>
      </c>
      <c r="D27" s="10" t="s">
        <v>126</v>
      </c>
      <c r="E27" s="11" t="s">
        <v>114</v>
      </c>
      <c r="F27" s="12">
        <v>273500</v>
      </c>
      <c r="G27" s="14">
        <v>46022</v>
      </c>
      <c r="H27" s="14" t="s">
        <v>134</v>
      </c>
    </row>
    <row r="28" spans="1:8" ht="28.8">
      <c r="A28" s="2">
        <v>27</v>
      </c>
      <c r="B28" s="2">
        <v>116423</v>
      </c>
      <c r="C28" s="3" t="s">
        <v>110</v>
      </c>
      <c r="D28" s="4" t="s">
        <v>127</v>
      </c>
      <c r="E28" s="5" t="s">
        <v>114</v>
      </c>
      <c r="F28" s="6">
        <v>30884</v>
      </c>
      <c r="G28" s="15">
        <v>46022</v>
      </c>
      <c r="H28" s="15" t="s">
        <v>135</v>
      </c>
    </row>
    <row r="29" spans="1:8" ht="14.4">
      <c r="A29" s="8">
        <v>28</v>
      </c>
      <c r="B29" s="8">
        <v>216816</v>
      </c>
      <c r="C29" s="9" t="s">
        <v>34</v>
      </c>
      <c r="D29" s="10" t="s">
        <v>141</v>
      </c>
      <c r="E29" s="11" t="s">
        <v>136</v>
      </c>
      <c r="F29" s="12">
        <v>217000</v>
      </c>
      <c r="G29" s="14">
        <v>46022</v>
      </c>
      <c r="H29" s="14" t="s">
        <v>20</v>
      </c>
    </row>
    <row r="30" spans="1:8" ht="14.4">
      <c r="A30" s="2">
        <v>29</v>
      </c>
      <c r="B30" s="2" t="s">
        <v>139</v>
      </c>
      <c r="C30" s="3" t="s">
        <v>34</v>
      </c>
      <c r="D30" s="4" t="s">
        <v>142</v>
      </c>
      <c r="E30" s="5" t="s">
        <v>140</v>
      </c>
      <c r="F30" s="6">
        <v>45600</v>
      </c>
      <c r="G30" s="15">
        <v>46387</v>
      </c>
      <c r="H30" s="15" t="s">
        <v>22</v>
      </c>
    </row>
    <row r="31" spans="1:8" ht="28.8">
      <c r="A31" s="8">
        <v>30</v>
      </c>
      <c r="B31" s="8" t="s">
        <v>139</v>
      </c>
      <c r="C31" s="9" t="s">
        <v>76</v>
      </c>
      <c r="D31" s="10" t="s">
        <v>143</v>
      </c>
      <c r="E31" s="11" t="s">
        <v>136</v>
      </c>
      <c r="F31" s="12">
        <v>70000</v>
      </c>
      <c r="G31" s="14">
        <v>46022</v>
      </c>
      <c r="H31" s="14" t="s">
        <v>137</v>
      </c>
    </row>
    <row r="32" spans="1:8" ht="43.2">
      <c r="A32" s="2">
        <v>31</v>
      </c>
      <c r="B32" s="2" t="s">
        <v>139</v>
      </c>
      <c r="C32" s="3" t="s">
        <v>110</v>
      </c>
      <c r="D32" s="4" t="s">
        <v>144</v>
      </c>
      <c r="E32" s="5" t="s">
        <v>136</v>
      </c>
      <c r="F32" s="6">
        <v>231000</v>
      </c>
      <c r="G32" s="15">
        <v>46022</v>
      </c>
      <c r="H32" s="15" t="s">
        <v>138</v>
      </c>
    </row>
    <row r="33" spans="1:8" ht="28.8">
      <c r="A33" s="8">
        <v>32</v>
      </c>
      <c r="B33" s="8" t="s">
        <v>139</v>
      </c>
      <c r="C33" s="9" t="s">
        <v>147</v>
      </c>
      <c r="D33" s="10" t="s">
        <v>145</v>
      </c>
      <c r="E33" s="11" t="s">
        <v>140</v>
      </c>
      <c r="F33" s="12">
        <v>36000</v>
      </c>
      <c r="G33" s="14">
        <v>46022</v>
      </c>
      <c r="H33" s="14" t="s">
        <v>149</v>
      </c>
    </row>
    <row r="34" spans="1:8" ht="14.4">
      <c r="A34" s="2">
        <v>33</v>
      </c>
      <c r="B34" s="2" t="s">
        <v>139</v>
      </c>
      <c r="C34" s="3" t="s">
        <v>148</v>
      </c>
      <c r="D34" s="4" t="s">
        <v>146</v>
      </c>
      <c r="E34" s="5" t="s">
        <v>140</v>
      </c>
      <c r="F34" s="6">
        <v>24000</v>
      </c>
      <c r="G34" s="15">
        <v>46022</v>
      </c>
      <c r="H34" s="15" t="s">
        <v>154</v>
      </c>
    </row>
    <row r="35" spans="1:8" ht="15" thickBot="1">
      <c r="A35" s="23">
        <v>34</v>
      </c>
      <c r="B35" s="23" t="s">
        <v>139</v>
      </c>
      <c r="C35" s="24" t="s">
        <v>150</v>
      </c>
      <c r="D35" s="25" t="s">
        <v>151</v>
      </c>
      <c r="E35" s="26" t="s">
        <v>152</v>
      </c>
      <c r="F35" s="27"/>
      <c r="G35" s="28">
        <v>46022</v>
      </c>
      <c r="H35" s="28" t="s">
        <v>153</v>
      </c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A36A76-3B54-468A-BBF8-2CAC56C26734}">
  <ds:schemaRefs/>
</ds:datastoreItem>
</file>

<file path=customXml/itemProps2.xml><?xml version="1.0" encoding="utf-8"?>
<ds:datastoreItem xmlns:ds="http://schemas.openxmlformats.org/officeDocument/2006/customXml" ds:itemID="{57BDFBEA-AC99-494E-B4AC-B406D5E20D3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2</vt:i4>
      </vt:variant>
    </vt:vector>
  </HeadingPairs>
  <TitlesOfParts>
    <vt:vector size="2" baseType="lpstr">
      <vt:lpstr>Sheet1</vt:lpstr>
      <vt:lpstr>Blad1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8-12T06:54:48Z</dcterms:created>
  <dcterms:modified xsi:type="dcterms:W3CDTF">2025-06-11T12:05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970965601778925958</vt:lpwstr>
  </property>
  <property fmtid="{D5CDD505-2E9C-101B-9397-08002B2CF9AE}" pid="4" name="TemplafyUserProfileId">
    <vt:lpwstr>637737781110599175</vt:lpwstr>
  </property>
  <property fmtid="{D5CDD505-2E9C-101B-9397-08002B2CF9AE}" pid="5" name="TemplafyFromBlank">
    <vt:bool>true</vt:bool>
  </property>
</Properties>
</file>